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3\HP2003\"/>
    </mc:Choice>
  </mc:AlternateContent>
  <bookViews>
    <workbookView xWindow="0" yWindow="0" windowWidth="23040" windowHeight="10140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3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topLeftCell="B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2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2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2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2">
      <c r="A5" s="6">
        <v>1</v>
      </c>
      <c r="B5" s="7" t="s">
        <v>10</v>
      </c>
      <c r="C5" s="8">
        <v>1059</v>
      </c>
      <c r="D5" s="9">
        <v>1249</v>
      </c>
      <c r="E5" s="9">
        <v>2308</v>
      </c>
      <c r="F5" s="10">
        <v>1226</v>
      </c>
      <c r="G5" s="11">
        <v>1075</v>
      </c>
      <c r="H5" s="12">
        <v>1264</v>
      </c>
      <c r="I5" s="12">
        <v>2339</v>
      </c>
      <c r="J5" s="13">
        <v>1241</v>
      </c>
      <c r="K5" s="14">
        <v>16</v>
      </c>
      <c r="L5" s="15">
        <v>15</v>
      </c>
      <c r="M5" s="15">
        <v>31</v>
      </c>
      <c r="N5" s="16">
        <v>15</v>
      </c>
    </row>
    <row r="6" spans="1:14" ht="23.1" customHeight="1" x14ac:dyDescent="0.2">
      <c r="A6" s="17">
        <v>2</v>
      </c>
      <c r="B6" s="18" t="s">
        <v>11</v>
      </c>
      <c r="C6" s="19">
        <v>2250</v>
      </c>
      <c r="D6" s="20">
        <v>2389</v>
      </c>
      <c r="E6" s="20">
        <v>4639</v>
      </c>
      <c r="F6" s="21">
        <v>2264</v>
      </c>
      <c r="G6" s="22">
        <v>2246</v>
      </c>
      <c r="H6" s="23">
        <v>2395</v>
      </c>
      <c r="I6" s="23">
        <v>4641</v>
      </c>
      <c r="J6" s="24">
        <v>2265</v>
      </c>
      <c r="K6" s="25">
        <v>-4</v>
      </c>
      <c r="L6" s="26">
        <v>6</v>
      </c>
      <c r="M6" s="26">
        <v>2</v>
      </c>
      <c r="N6" s="27">
        <v>1</v>
      </c>
    </row>
    <row r="7" spans="1:14" ht="23.1" customHeight="1" x14ac:dyDescent="0.2">
      <c r="A7" s="17">
        <v>3</v>
      </c>
      <c r="B7" s="18" t="s">
        <v>12</v>
      </c>
      <c r="C7" s="19">
        <v>1361</v>
      </c>
      <c r="D7" s="20">
        <v>1507</v>
      </c>
      <c r="E7" s="20">
        <v>2868</v>
      </c>
      <c r="F7" s="21">
        <v>1375</v>
      </c>
      <c r="G7" s="22">
        <v>1369</v>
      </c>
      <c r="H7" s="23">
        <v>1510</v>
      </c>
      <c r="I7" s="23">
        <v>2879</v>
      </c>
      <c r="J7" s="24">
        <v>1379</v>
      </c>
      <c r="K7" s="25">
        <v>8</v>
      </c>
      <c r="L7" s="26">
        <v>3</v>
      </c>
      <c r="M7" s="26">
        <v>11</v>
      </c>
      <c r="N7" s="27">
        <v>4</v>
      </c>
    </row>
    <row r="8" spans="1:14" ht="23.1" customHeight="1" x14ac:dyDescent="0.2">
      <c r="A8" s="17">
        <v>4</v>
      </c>
      <c r="B8" s="18" t="s">
        <v>13</v>
      </c>
      <c r="C8" s="19">
        <v>868</v>
      </c>
      <c r="D8" s="20">
        <v>993</v>
      </c>
      <c r="E8" s="20">
        <v>1861</v>
      </c>
      <c r="F8" s="21">
        <v>995</v>
      </c>
      <c r="G8" s="22">
        <v>864</v>
      </c>
      <c r="H8" s="23">
        <v>997</v>
      </c>
      <c r="I8" s="23">
        <v>1861</v>
      </c>
      <c r="J8" s="24">
        <v>997</v>
      </c>
      <c r="K8" s="25">
        <v>-4</v>
      </c>
      <c r="L8" s="26">
        <v>4</v>
      </c>
      <c r="M8" s="26">
        <v>0</v>
      </c>
      <c r="N8" s="27">
        <v>2</v>
      </c>
    </row>
    <row r="9" spans="1:14" ht="23.1" customHeight="1" x14ac:dyDescent="0.2">
      <c r="A9" s="17">
        <v>5</v>
      </c>
      <c r="B9" s="18" t="s">
        <v>14</v>
      </c>
      <c r="C9" s="19">
        <v>1554</v>
      </c>
      <c r="D9" s="20">
        <v>1782</v>
      </c>
      <c r="E9" s="20">
        <v>3336</v>
      </c>
      <c r="F9" s="21">
        <v>1737</v>
      </c>
      <c r="G9" s="22">
        <v>1556</v>
      </c>
      <c r="H9" s="23">
        <v>1785</v>
      </c>
      <c r="I9" s="23">
        <v>3341</v>
      </c>
      <c r="J9" s="24">
        <v>1748</v>
      </c>
      <c r="K9" s="25">
        <v>2</v>
      </c>
      <c r="L9" s="26">
        <v>3</v>
      </c>
      <c r="M9" s="26">
        <v>5</v>
      </c>
      <c r="N9" s="27">
        <v>11</v>
      </c>
    </row>
    <row r="10" spans="1:14" ht="23.1" customHeight="1" x14ac:dyDescent="0.2">
      <c r="A10" s="17">
        <v>6</v>
      </c>
      <c r="B10" s="18" t="s">
        <v>15</v>
      </c>
      <c r="C10" s="19">
        <v>2894</v>
      </c>
      <c r="D10" s="20">
        <v>3142</v>
      </c>
      <c r="E10" s="20">
        <v>6036</v>
      </c>
      <c r="F10" s="21">
        <v>3163</v>
      </c>
      <c r="G10" s="22">
        <v>2889</v>
      </c>
      <c r="H10" s="23">
        <v>3127</v>
      </c>
      <c r="I10" s="23">
        <v>6016</v>
      </c>
      <c r="J10" s="24">
        <v>3157</v>
      </c>
      <c r="K10" s="25">
        <v>-5</v>
      </c>
      <c r="L10" s="26">
        <v>-15</v>
      </c>
      <c r="M10" s="26">
        <v>-20</v>
      </c>
      <c r="N10" s="27">
        <v>-6</v>
      </c>
    </row>
    <row r="11" spans="1:14" ht="23.1" customHeight="1" x14ac:dyDescent="0.2">
      <c r="A11" s="17">
        <v>7</v>
      </c>
      <c r="B11" s="18" t="s">
        <v>16</v>
      </c>
      <c r="C11" s="19">
        <v>2059</v>
      </c>
      <c r="D11" s="20">
        <v>2178</v>
      </c>
      <c r="E11" s="20">
        <v>4237</v>
      </c>
      <c r="F11" s="21">
        <v>2079</v>
      </c>
      <c r="G11" s="22">
        <v>2053</v>
      </c>
      <c r="H11" s="23">
        <v>2170</v>
      </c>
      <c r="I11" s="23">
        <v>4223</v>
      </c>
      <c r="J11" s="24">
        <v>2080</v>
      </c>
      <c r="K11" s="25">
        <v>-6</v>
      </c>
      <c r="L11" s="26">
        <v>-8</v>
      </c>
      <c r="M11" s="26">
        <v>-14</v>
      </c>
      <c r="N11" s="27">
        <v>1</v>
      </c>
    </row>
    <row r="12" spans="1:14" ht="23.1" customHeight="1" x14ac:dyDescent="0.2">
      <c r="A12" s="17">
        <v>8</v>
      </c>
      <c r="B12" s="18" t="s">
        <v>17</v>
      </c>
      <c r="C12" s="19">
        <v>1206</v>
      </c>
      <c r="D12" s="20">
        <v>1297</v>
      </c>
      <c r="E12" s="20">
        <v>2503</v>
      </c>
      <c r="F12" s="21">
        <v>1282</v>
      </c>
      <c r="G12" s="22">
        <v>1191</v>
      </c>
      <c r="H12" s="23">
        <v>1281</v>
      </c>
      <c r="I12" s="23">
        <v>2472</v>
      </c>
      <c r="J12" s="24">
        <v>1272</v>
      </c>
      <c r="K12" s="25">
        <v>-15</v>
      </c>
      <c r="L12" s="26">
        <v>-16</v>
      </c>
      <c r="M12" s="26">
        <v>-31</v>
      </c>
      <c r="N12" s="27">
        <v>-10</v>
      </c>
    </row>
    <row r="13" spans="1:14" ht="23.1" customHeight="1" x14ac:dyDescent="0.2">
      <c r="A13" s="17">
        <v>9</v>
      </c>
      <c r="B13" s="18" t="s">
        <v>18</v>
      </c>
      <c r="C13" s="19">
        <v>3148</v>
      </c>
      <c r="D13" s="20">
        <v>3450</v>
      </c>
      <c r="E13" s="20">
        <v>6598</v>
      </c>
      <c r="F13" s="21">
        <v>3132</v>
      </c>
      <c r="G13" s="22">
        <v>3132</v>
      </c>
      <c r="H13" s="23">
        <v>3432</v>
      </c>
      <c r="I13" s="23">
        <v>6564</v>
      </c>
      <c r="J13" s="24">
        <v>3116</v>
      </c>
      <c r="K13" s="25">
        <v>-16</v>
      </c>
      <c r="L13" s="26">
        <v>-18</v>
      </c>
      <c r="M13" s="26">
        <v>-34</v>
      </c>
      <c r="N13" s="27">
        <v>-16</v>
      </c>
    </row>
    <row r="14" spans="1:14" ht="23.1" customHeight="1" x14ac:dyDescent="0.2">
      <c r="A14" s="17">
        <v>10</v>
      </c>
      <c r="B14" s="18" t="s">
        <v>19</v>
      </c>
      <c r="C14" s="19">
        <v>5629</v>
      </c>
      <c r="D14" s="20">
        <v>6250</v>
      </c>
      <c r="E14" s="20">
        <v>11879</v>
      </c>
      <c r="F14" s="21">
        <v>5661</v>
      </c>
      <c r="G14" s="22">
        <v>5606</v>
      </c>
      <c r="H14" s="23">
        <v>6243</v>
      </c>
      <c r="I14" s="23">
        <v>11849</v>
      </c>
      <c r="J14" s="24">
        <v>5678</v>
      </c>
      <c r="K14" s="25">
        <v>-23</v>
      </c>
      <c r="L14" s="26">
        <v>-7</v>
      </c>
      <c r="M14" s="26">
        <v>-30</v>
      </c>
      <c r="N14" s="27">
        <v>17</v>
      </c>
    </row>
    <row r="15" spans="1:14" ht="23.1" customHeight="1" x14ac:dyDescent="0.2">
      <c r="A15" s="17">
        <v>11</v>
      </c>
      <c r="B15" s="18" t="s">
        <v>20</v>
      </c>
      <c r="C15" s="19">
        <v>7272</v>
      </c>
      <c r="D15" s="20">
        <v>7770</v>
      </c>
      <c r="E15" s="20">
        <v>15042</v>
      </c>
      <c r="F15" s="21">
        <v>6504</v>
      </c>
      <c r="G15" s="22">
        <v>7249</v>
      </c>
      <c r="H15" s="23">
        <v>7759</v>
      </c>
      <c r="I15" s="23">
        <v>15008</v>
      </c>
      <c r="J15" s="24">
        <v>6522</v>
      </c>
      <c r="K15" s="25">
        <v>-23</v>
      </c>
      <c r="L15" s="26">
        <v>-11</v>
      </c>
      <c r="M15" s="26">
        <v>-34</v>
      </c>
      <c r="N15" s="27">
        <v>18</v>
      </c>
    </row>
    <row r="16" spans="1:14" ht="23.1" customHeight="1" x14ac:dyDescent="0.2">
      <c r="A16" s="17">
        <v>12</v>
      </c>
      <c r="B16" s="18" t="s">
        <v>21</v>
      </c>
      <c r="C16" s="19">
        <v>4110</v>
      </c>
      <c r="D16" s="20">
        <v>4225</v>
      </c>
      <c r="E16" s="20">
        <v>8335</v>
      </c>
      <c r="F16" s="21">
        <v>4196</v>
      </c>
      <c r="G16" s="22">
        <v>4140</v>
      </c>
      <c r="H16" s="23">
        <v>4226</v>
      </c>
      <c r="I16" s="23">
        <v>8366</v>
      </c>
      <c r="J16" s="24">
        <v>4244</v>
      </c>
      <c r="K16" s="25">
        <v>30</v>
      </c>
      <c r="L16" s="26">
        <v>1</v>
      </c>
      <c r="M16" s="26">
        <v>31</v>
      </c>
      <c r="N16" s="27">
        <v>48</v>
      </c>
    </row>
    <row r="17" spans="1:14" ht="23.1" customHeight="1" x14ac:dyDescent="0.2">
      <c r="A17" s="17">
        <v>13</v>
      </c>
      <c r="B17" s="18" t="s">
        <v>22</v>
      </c>
      <c r="C17" s="19">
        <v>5128</v>
      </c>
      <c r="D17" s="20">
        <v>5417</v>
      </c>
      <c r="E17" s="20">
        <v>10545</v>
      </c>
      <c r="F17" s="21">
        <v>5106</v>
      </c>
      <c r="G17" s="22">
        <v>5083</v>
      </c>
      <c r="H17" s="23">
        <v>5359</v>
      </c>
      <c r="I17" s="23">
        <v>10442</v>
      </c>
      <c r="J17" s="24">
        <v>5052</v>
      </c>
      <c r="K17" s="25">
        <v>-45</v>
      </c>
      <c r="L17" s="26">
        <v>-58</v>
      </c>
      <c r="M17" s="26">
        <v>-103</v>
      </c>
      <c r="N17" s="27">
        <v>-54</v>
      </c>
    </row>
    <row r="18" spans="1:14" ht="23.1" customHeight="1" x14ac:dyDescent="0.2">
      <c r="A18" s="17">
        <v>14</v>
      </c>
      <c r="B18" s="18" t="s">
        <v>23</v>
      </c>
      <c r="C18" s="19">
        <v>3920</v>
      </c>
      <c r="D18" s="20">
        <v>4279</v>
      </c>
      <c r="E18" s="20">
        <v>8199</v>
      </c>
      <c r="F18" s="21">
        <v>3678</v>
      </c>
      <c r="G18" s="22">
        <v>3927</v>
      </c>
      <c r="H18" s="23">
        <v>4293</v>
      </c>
      <c r="I18" s="23">
        <v>8220</v>
      </c>
      <c r="J18" s="24">
        <v>3700</v>
      </c>
      <c r="K18" s="25">
        <v>7</v>
      </c>
      <c r="L18" s="26">
        <v>14</v>
      </c>
      <c r="M18" s="26">
        <v>21</v>
      </c>
      <c r="N18" s="27">
        <v>22</v>
      </c>
    </row>
    <row r="19" spans="1:14" ht="23.1" customHeight="1" x14ac:dyDescent="0.2">
      <c r="A19" s="17">
        <v>15</v>
      </c>
      <c r="B19" s="18" t="s">
        <v>24</v>
      </c>
      <c r="C19" s="19">
        <v>2732</v>
      </c>
      <c r="D19" s="20">
        <v>2939</v>
      </c>
      <c r="E19" s="20">
        <v>5671</v>
      </c>
      <c r="F19" s="21">
        <v>2467</v>
      </c>
      <c r="G19" s="22">
        <v>2727</v>
      </c>
      <c r="H19" s="23">
        <v>2931</v>
      </c>
      <c r="I19" s="23">
        <v>5658</v>
      </c>
      <c r="J19" s="24">
        <v>2472</v>
      </c>
      <c r="K19" s="25">
        <v>-5</v>
      </c>
      <c r="L19" s="26">
        <v>-8</v>
      </c>
      <c r="M19" s="26">
        <v>-13</v>
      </c>
      <c r="N19" s="27">
        <v>5</v>
      </c>
    </row>
    <row r="20" spans="1:14" ht="23.1" customHeight="1" x14ac:dyDescent="0.2">
      <c r="A20" s="17">
        <v>16</v>
      </c>
      <c r="B20" s="18" t="s">
        <v>25</v>
      </c>
      <c r="C20" s="19">
        <v>5249</v>
      </c>
      <c r="D20" s="20">
        <v>4810</v>
      </c>
      <c r="E20" s="20">
        <v>10059</v>
      </c>
      <c r="F20" s="21">
        <v>5350</v>
      </c>
      <c r="G20" s="22">
        <v>5192</v>
      </c>
      <c r="H20" s="23">
        <v>4788</v>
      </c>
      <c r="I20" s="23">
        <v>9980</v>
      </c>
      <c r="J20" s="24">
        <v>5287</v>
      </c>
      <c r="K20" s="25">
        <v>-57</v>
      </c>
      <c r="L20" s="26">
        <v>-22</v>
      </c>
      <c r="M20" s="26">
        <v>-79</v>
      </c>
      <c r="N20" s="27">
        <v>-63</v>
      </c>
    </row>
    <row r="21" spans="1:14" ht="23.1" customHeight="1" x14ac:dyDescent="0.2">
      <c r="A21" s="17">
        <v>17</v>
      </c>
      <c r="B21" s="18" t="s">
        <v>26</v>
      </c>
      <c r="C21" s="19">
        <v>2023</v>
      </c>
      <c r="D21" s="20">
        <v>2268</v>
      </c>
      <c r="E21" s="20">
        <v>4291</v>
      </c>
      <c r="F21" s="21">
        <v>1820</v>
      </c>
      <c r="G21" s="22">
        <v>2020</v>
      </c>
      <c r="H21" s="23">
        <v>2266</v>
      </c>
      <c r="I21" s="23">
        <v>4286</v>
      </c>
      <c r="J21" s="24">
        <v>1827</v>
      </c>
      <c r="K21" s="25">
        <v>-3</v>
      </c>
      <c r="L21" s="26">
        <v>-2</v>
      </c>
      <c r="M21" s="26">
        <v>-5</v>
      </c>
      <c r="N21" s="27">
        <v>7</v>
      </c>
    </row>
    <row r="22" spans="1:14" ht="23.1" customHeight="1" x14ac:dyDescent="0.2">
      <c r="A22" s="17">
        <v>18</v>
      </c>
      <c r="B22" s="18" t="s">
        <v>27</v>
      </c>
      <c r="C22" s="19">
        <v>1527</v>
      </c>
      <c r="D22" s="20">
        <v>1733</v>
      </c>
      <c r="E22" s="20">
        <v>3260</v>
      </c>
      <c r="F22" s="21">
        <v>1513</v>
      </c>
      <c r="G22" s="22">
        <v>1514</v>
      </c>
      <c r="H22" s="23">
        <v>1734</v>
      </c>
      <c r="I22" s="23">
        <v>3248</v>
      </c>
      <c r="J22" s="24">
        <v>1512</v>
      </c>
      <c r="K22" s="25">
        <v>-13</v>
      </c>
      <c r="L22" s="26">
        <v>1</v>
      </c>
      <c r="M22" s="26">
        <v>-12</v>
      </c>
      <c r="N22" s="27">
        <v>-1</v>
      </c>
    </row>
    <row r="23" spans="1:14" ht="23.1" customHeight="1" x14ac:dyDescent="0.2">
      <c r="A23" s="17">
        <v>19</v>
      </c>
      <c r="B23" s="18" t="s">
        <v>28</v>
      </c>
      <c r="C23" s="19">
        <v>2868</v>
      </c>
      <c r="D23" s="20">
        <v>2977</v>
      </c>
      <c r="E23" s="20">
        <v>5845</v>
      </c>
      <c r="F23" s="21">
        <v>2482</v>
      </c>
      <c r="G23" s="22">
        <v>2855</v>
      </c>
      <c r="H23" s="23">
        <v>2964</v>
      </c>
      <c r="I23" s="23">
        <v>5819</v>
      </c>
      <c r="J23" s="24">
        <v>2484</v>
      </c>
      <c r="K23" s="25">
        <v>-13</v>
      </c>
      <c r="L23" s="26">
        <v>-13</v>
      </c>
      <c r="M23" s="26">
        <v>-26</v>
      </c>
      <c r="N23" s="27">
        <v>2</v>
      </c>
    </row>
    <row r="24" spans="1:14" ht="23.1" customHeight="1" x14ac:dyDescent="0.2">
      <c r="A24" s="17">
        <v>20</v>
      </c>
      <c r="B24" s="18" t="s">
        <v>29</v>
      </c>
      <c r="C24" s="19">
        <v>3842</v>
      </c>
      <c r="D24" s="20">
        <v>3893</v>
      </c>
      <c r="E24" s="20">
        <v>7735</v>
      </c>
      <c r="F24" s="21">
        <v>3178</v>
      </c>
      <c r="G24" s="22">
        <v>3833</v>
      </c>
      <c r="H24" s="23">
        <v>3873</v>
      </c>
      <c r="I24" s="23">
        <v>7706</v>
      </c>
      <c r="J24" s="24">
        <v>3185</v>
      </c>
      <c r="K24" s="25">
        <v>-9</v>
      </c>
      <c r="L24" s="26">
        <v>-20</v>
      </c>
      <c r="M24" s="26">
        <v>-29</v>
      </c>
      <c r="N24" s="27">
        <v>7</v>
      </c>
    </row>
    <row r="25" spans="1:14" ht="23.1" customHeight="1" x14ac:dyDescent="0.2">
      <c r="A25" s="17">
        <v>21</v>
      </c>
      <c r="B25" s="18" t="s">
        <v>30</v>
      </c>
      <c r="C25" s="19">
        <v>1187</v>
      </c>
      <c r="D25" s="20">
        <v>1349</v>
      </c>
      <c r="E25" s="20">
        <v>2536</v>
      </c>
      <c r="F25" s="21">
        <v>1054</v>
      </c>
      <c r="G25" s="22">
        <v>1189</v>
      </c>
      <c r="H25" s="23">
        <v>1350</v>
      </c>
      <c r="I25" s="23">
        <v>2539</v>
      </c>
      <c r="J25" s="24">
        <v>1059</v>
      </c>
      <c r="K25" s="25">
        <v>2</v>
      </c>
      <c r="L25" s="26">
        <v>1</v>
      </c>
      <c r="M25" s="26">
        <v>3</v>
      </c>
      <c r="N25" s="27">
        <v>5</v>
      </c>
    </row>
    <row r="26" spans="1:14" ht="23.1" customHeight="1" x14ac:dyDescent="0.2">
      <c r="A26" s="17">
        <v>22</v>
      </c>
      <c r="B26" s="18" t="s">
        <v>31</v>
      </c>
      <c r="C26" s="19">
        <v>1987</v>
      </c>
      <c r="D26" s="20">
        <v>2136</v>
      </c>
      <c r="E26" s="20">
        <v>4123</v>
      </c>
      <c r="F26" s="21">
        <v>1739</v>
      </c>
      <c r="G26" s="22">
        <v>1977</v>
      </c>
      <c r="H26" s="23">
        <v>2128</v>
      </c>
      <c r="I26" s="23">
        <v>4105</v>
      </c>
      <c r="J26" s="24">
        <v>1739</v>
      </c>
      <c r="K26" s="25">
        <v>-10</v>
      </c>
      <c r="L26" s="26">
        <v>-8</v>
      </c>
      <c r="M26" s="26">
        <v>-18</v>
      </c>
      <c r="N26" s="27">
        <v>0</v>
      </c>
    </row>
    <row r="27" spans="1:14" ht="23.1" customHeight="1" x14ac:dyDescent="0.2">
      <c r="A27" s="17">
        <v>23</v>
      </c>
      <c r="B27" s="18" t="s">
        <v>32</v>
      </c>
      <c r="C27" s="19">
        <v>7581</v>
      </c>
      <c r="D27" s="20">
        <v>7912</v>
      </c>
      <c r="E27" s="20">
        <v>15493</v>
      </c>
      <c r="F27" s="21">
        <v>6446</v>
      </c>
      <c r="G27" s="22">
        <v>7604</v>
      </c>
      <c r="H27" s="23">
        <v>7915</v>
      </c>
      <c r="I27" s="23">
        <v>15519</v>
      </c>
      <c r="J27" s="24">
        <v>6491</v>
      </c>
      <c r="K27" s="25">
        <v>23</v>
      </c>
      <c r="L27" s="26">
        <v>3</v>
      </c>
      <c r="M27" s="26">
        <v>26</v>
      </c>
      <c r="N27" s="27">
        <v>45</v>
      </c>
    </row>
    <row r="28" spans="1:14" ht="23.1" customHeight="1" x14ac:dyDescent="0.2">
      <c r="A28" s="17">
        <v>24</v>
      </c>
      <c r="B28" s="18" t="s">
        <v>33</v>
      </c>
      <c r="C28" s="19">
        <v>4555</v>
      </c>
      <c r="D28" s="20">
        <v>5013</v>
      </c>
      <c r="E28" s="20">
        <v>9568</v>
      </c>
      <c r="F28" s="21">
        <v>4376</v>
      </c>
      <c r="G28" s="22">
        <v>4553</v>
      </c>
      <c r="H28" s="23">
        <v>5003</v>
      </c>
      <c r="I28" s="23">
        <v>9556</v>
      </c>
      <c r="J28" s="24">
        <v>4379</v>
      </c>
      <c r="K28" s="25">
        <v>-2</v>
      </c>
      <c r="L28" s="26">
        <v>-10</v>
      </c>
      <c r="M28" s="26">
        <v>-12</v>
      </c>
      <c r="N28" s="27">
        <v>3</v>
      </c>
    </row>
    <row r="29" spans="1:14" ht="23.1" customHeight="1" x14ac:dyDescent="0.2">
      <c r="A29" s="17">
        <v>25</v>
      </c>
      <c r="B29" s="18" t="s">
        <v>34</v>
      </c>
      <c r="C29" s="19">
        <v>6042</v>
      </c>
      <c r="D29" s="20">
        <v>6370</v>
      </c>
      <c r="E29" s="20">
        <v>12412</v>
      </c>
      <c r="F29" s="21">
        <v>5546</v>
      </c>
      <c r="G29" s="22">
        <v>6030</v>
      </c>
      <c r="H29" s="23">
        <v>6359</v>
      </c>
      <c r="I29" s="23">
        <v>12389</v>
      </c>
      <c r="J29" s="24">
        <v>5560</v>
      </c>
      <c r="K29" s="25">
        <v>-12</v>
      </c>
      <c r="L29" s="26">
        <v>-11</v>
      </c>
      <c r="M29" s="26">
        <v>-23</v>
      </c>
      <c r="N29" s="27">
        <v>14</v>
      </c>
    </row>
    <row r="30" spans="1:14" ht="23.1" customHeight="1" x14ac:dyDescent="0.2">
      <c r="A30" s="17">
        <v>26</v>
      </c>
      <c r="B30" s="18" t="s">
        <v>35</v>
      </c>
      <c r="C30" s="19">
        <v>7781</v>
      </c>
      <c r="D30" s="20">
        <v>8131</v>
      </c>
      <c r="E30" s="20">
        <v>15912</v>
      </c>
      <c r="F30" s="21">
        <v>6497</v>
      </c>
      <c r="G30" s="22">
        <v>7797</v>
      </c>
      <c r="H30" s="23">
        <v>8148</v>
      </c>
      <c r="I30" s="23">
        <v>15945</v>
      </c>
      <c r="J30" s="24">
        <v>6533</v>
      </c>
      <c r="K30" s="25">
        <v>16</v>
      </c>
      <c r="L30" s="26">
        <v>17</v>
      </c>
      <c r="M30" s="26">
        <v>33</v>
      </c>
      <c r="N30" s="27">
        <v>36</v>
      </c>
    </row>
    <row r="31" spans="1:14" ht="23.1" customHeight="1" x14ac:dyDescent="0.2">
      <c r="A31" s="17">
        <v>27</v>
      </c>
      <c r="B31" s="18" t="s">
        <v>36</v>
      </c>
      <c r="C31" s="19">
        <v>5640</v>
      </c>
      <c r="D31" s="20">
        <v>6157</v>
      </c>
      <c r="E31" s="20">
        <v>11797</v>
      </c>
      <c r="F31" s="21">
        <v>5528</v>
      </c>
      <c r="G31" s="22">
        <v>5638</v>
      </c>
      <c r="H31" s="23">
        <v>6144</v>
      </c>
      <c r="I31" s="23">
        <v>11782</v>
      </c>
      <c r="J31" s="24">
        <v>5549</v>
      </c>
      <c r="K31" s="25">
        <v>-2</v>
      </c>
      <c r="L31" s="26">
        <v>-13</v>
      </c>
      <c r="M31" s="26">
        <v>-15</v>
      </c>
      <c r="N31" s="27">
        <v>21</v>
      </c>
    </row>
    <row r="32" spans="1:14" ht="23.1" customHeight="1" x14ac:dyDescent="0.2">
      <c r="A32" s="17">
        <v>28</v>
      </c>
      <c r="B32" s="18" t="s">
        <v>37</v>
      </c>
      <c r="C32" s="19">
        <v>5606</v>
      </c>
      <c r="D32" s="20">
        <v>5867</v>
      </c>
      <c r="E32" s="20">
        <v>11473</v>
      </c>
      <c r="F32" s="21">
        <v>4783</v>
      </c>
      <c r="G32" s="22">
        <v>5610</v>
      </c>
      <c r="H32" s="23">
        <v>5860</v>
      </c>
      <c r="I32" s="23">
        <v>11470</v>
      </c>
      <c r="J32" s="24">
        <v>4798</v>
      </c>
      <c r="K32" s="25">
        <v>4</v>
      </c>
      <c r="L32" s="26">
        <v>-7</v>
      </c>
      <c r="M32" s="26">
        <v>-3</v>
      </c>
      <c r="N32" s="27">
        <v>15</v>
      </c>
    </row>
    <row r="33" spans="1:14" ht="23.1" customHeight="1" x14ac:dyDescent="0.2">
      <c r="A33" s="17">
        <v>29</v>
      </c>
      <c r="B33" s="18" t="s">
        <v>38</v>
      </c>
      <c r="C33" s="19">
        <v>2884</v>
      </c>
      <c r="D33" s="20">
        <v>2993</v>
      </c>
      <c r="E33" s="20">
        <v>5877</v>
      </c>
      <c r="F33" s="21">
        <v>2456</v>
      </c>
      <c r="G33" s="22">
        <v>2871</v>
      </c>
      <c r="H33" s="23">
        <v>2978</v>
      </c>
      <c r="I33" s="23">
        <v>5849</v>
      </c>
      <c r="J33" s="24">
        <v>2450</v>
      </c>
      <c r="K33" s="25">
        <v>-13</v>
      </c>
      <c r="L33" s="26">
        <v>-15</v>
      </c>
      <c r="M33" s="26">
        <v>-28</v>
      </c>
      <c r="N33" s="27">
        <v>-6</v>
      </c>
    </row>
    <row r="34" spans="1:14" ht="23.1" customHeight="1" x14ac:dyDescent="0.2">
      <c r="A34" s="17">
        <v>30</v>
      </c>
      <c r="B34" s="18" t="s">
        <v>39</v>
      </c>
      <c r="C34" s="19">
        <v>6721</v>
      </c>
      <c r="D34" s="20">
        <v>7029</v>
      </c>
      <c r="E34" s="20">
        <v>13750</v>
      </c>
      <c r="F34" s="21">
        <v>6175</v>
      </c>
      <c r="G34" s="22">
        <v>6712</v>
      </c>
      <c r="H34" s="23">
        <v>6999</v>
      </c>
      <c r="I34" s="23">
        <v>13711</v>
      </c>
      <c r="J34" s="24">
        <v>6187</v>
      </c>
      <c r="K34" s="25">
        <v>-9</v>
      </c>
      <c r="L34" s="26">
        <v>-30</v>
      </c>
      <c r="M34" s="26">
        <v>-39</v>
      </c>
      <c r="N34" s="27">
        <v>12</v>
      </c>
    </row>
    <row r="35" spans="1:14" ht="23.1" customHeight="1" x14ac:dyDescent="0.2">
      <c r="A35" s="17">
        <v>31</v>
      </c>
      <c r="B35" s="18" t="s">
        <v>40</v>
      </c>
      <c r="C35" s="19">
        <v>2638</v>
      </c>
      <c r="D35" s="20">
        <v>2647</v>
      </c>
      <c r="E35" s="20">
        <v>5285</v>
      </c>
      <c r="F35" s="21">
        <v>2287</v>
      </c>
      <c r="G35" s="22">
        <v>2646</v>
      </c>
      <c r="H35" s="23">
        <v>2662</v>
      </c>
      <c r="I35" s="23">
        <v>5308</v>
      </c>
      <c r="J35" s="24">
        <v>2309</v>
      </c>
      <c r="K35" s="25">
        <v>8</v>
      </c>
      <c r="L35" s="26">
        <v>15</v>
      </c>
      <c r="M35" s="26">
        <v>23</v>
      </c>
      <c r="N35" s="27">
        <v>22</v>
      </c>
    </row>
    <row r="36" spans="1:14" ht="23.1" customHeight="1" x14ac:dyDescent="0.2">
      <c r="A36" s="17">
        <v>32</v>
      </c>
      <c r="B36" s="18" t="s">
        <v>41</v>
      </c>
      <c r="C36" s="19">
        <v>3551</v>
      </c>
      <c r="D36" s="20">
        <v>3709</v>
      </c>
      <c r="E36" s="20">
        <v>7260</v>
      </c>
      <c r="F36" s="21">
        <v>2859</v>
      </c>
      <c r="G36" s="22">
        <v>3545</v>
      </c>
      <c r="H36" s="23">
        <v>3696</v>
      </c>
      <c r="I36" s="23">
        <v>7241</v>
      </c>
      <c r="J36" s="24">
        <v>2860</v>
      </c>
      <c r="K36" s="25">
        <v>-6</v>
      </c>
      <c r="L36" s="26">
        <v>-13</v>
      </c>
      <c r="M36" s="26">
        <v>-19</v>
      </c>
      <c r="N36" s="27">
        <v>1</v>
      </c>
    </row>
    <row r="37" spans="1:14" ht="23.1" customHeight="1" x14ac:dyDescent="0.2">
      <c r="A37" s="17">
        <v>33</v>
      </c>
      <c r="B37" s="18" t="s">
        <v>42</v>
      </c>
      <c r="C37" s="19">
        <v>3164</v>
      </c>
      <c r="D37" s="20">
        <v>3395</v>
      </c>
      <c r="E37" s="20">
        <v>6559</v>
      </c>
      <c r="F37" s="21">
        <v>2667</v>
      </c>
      <c r="G37" s="22">
        <v>3150</v>
      </c>
      <c r="H37" s="23">
        <v>3391</v>
      </c>
      <c r="I37" s="23">
        <v>6541</v>
      </c>
      <c r="J37" s="24">
        <v>2672</v>
      </c>
      <c r="K37" s="25">
        <v>-14</v>
      </c>
      <c r="L37" s="26">
        <v>-4</v>
      </c>
      <c r="M37" s="26">
        <v>-18</v>
      </c>
      <c r="N37" s="27">
        <v>5</v>
      </c>
    </row>
    <row r="38" spans="1:14" ht="23.1" customHeight="1" x14ac:dyDescent="0.2">
      <c r="A38" s="17">
        <v>34</v>
      </c>
      <c r="B38" s="18" t="s">
        <v>43</v>
      </c>
      <c r="C38" s="19">
        <v>1649</v>
      </c>
      <c r="D38" s="20">
        <v>1752</v>
      </c>
      <c r="E38" s="20">
        <v>3401</v>
      </c>
      <c r="F38" s="21">
        <v>1392</v>
      </c>
      <c r="G38" s="22">
        <v>1652</v>
      </c>
      <c r="H38" s="23">
        <v>1745</v>
      </c>
      <c r="I38" s="23">
        <v>3397</v>
      </c>
      <c r="J38" s="24">
        <v>1393</v>
      </c>
      <c r="K38" s="25">
        <v>3</v>
      </c>
      <c r="L38" s="26">
        <v>-7</v>
      </c>
      <c r="M38" s="26">
        <v>-4</v>
      </c>
      <c r="N38" s="27">
        <v>1</v>
      </c>
    </row>
    <row r="39" spans="1:14" ht="23.1" customHeight="1" x14ac:dyDescent="0.2">
      <c r="A39" s="17">
        <v>35</v>
      </c>
      <c r="B39" s="18" t="s">
        <v>44</v>
      </c>
      <c r="C39" s="19">
        <v>1135</v>
      </c>
      <c r="D39" s="20">
        <v>1240</v>
      </c>
      <c r="E39" s="20">
        <v>2375</v>
      </c>
      <c r="F39" s="21">
        <v>951</v>
      </c>
      <c r="G39" s="22">
        <v>1133</v>
      </c>
      <c r="H39" s="23">
        <v>1235</v>
      </c>
      <c r="I39" s="23">
        <v>2368</v>
      </c>
      <c r="J39" s="24">
        <v>955</v>
      </c>
      <c r="K39" s="25">
        <v>-2</v>
      </c>
      <c r="L39" s="26">
        <v>-5</v>
      </c>
      <c r="M39" s="26">
        <v>-7</v>
      </c>
      <c r="N39" s="27">
        <v>4</v>
      </c>
    </row>
    <row r="40" spans="1:14" ht="23.1" customHeight="1" x14ac:dyDescent="0.2">
      <c r="A40" s="17">
        <v>36</v>
      </c>
      <c r="B40" s="18" t="s">
        <v>45</v>
      </c>
      <c r="C40" s="19">
        <v>1452</v>
      </c>
      <c r="D40" s="20">
        <v>1454</v>
      </c>
      <c r="E40" s="20">
        <v>2906</v>
      </c>
      <c r="F40" s="21">
        <v>1191</v>
      </c>
      <c r="G40" s="22">
        <v>1457</v>
      </c>
      <c r="H40" s="23">
        <v>1454</v>
      </c>
      <c r="I40" s="23">
        <v>2911</v>
      </c>
      <c r="J40" s="24">
        <v>1196</v>
      </c>
      <c r="K40" s="25">
        <v>5</v>
      </c>
      <c r="L40" s="26">
        <v>0</v>
      </c>
      <c r="M40" s="26">
        <v>5</v>
      </c>
      <c r="N40" s="27">
        <v>5</v>
      </c>
    </row>
    <row r="41" spans="1:14" ht="23.1" customHeight="1" x14ac:dyDescent="0.2">
      <c r="A41" s="17">
        <v>37</v>
      </c>
      <c r="B41" s="18" t="s">
        <v>46</v>
      </c>
      <c r="C41" s="19">
        <v>1490</v>
      </c>
      <c r="D41" s="20">
        <v>1649</v>
      </c>
      <c r="E41" s="20">
        <v>3139</v>
      </c>
      <c r="F41" s="21">
        <v>1270</v>
      </c>
      <c r="G41" s="22">
        <v>1487</v>
      </c>
      <c r="H41" s="23">
        <v>1640</v>
      </c>
      <c r="I41" s="23">
        <v>3127</v>
      </c>
      <c r="J41" s="24">
        <v>1268</v>
      </c>
      <c r="K41" s="25">
        <v>-3</v>
      </c>
      <c r="L41" s="26">
        <v>-9</v>
      </c>
      <c r="M41" s="26">
        <v>-12</v>
      </c>
      <c r="N41" s="27">
        <v>-2</v>
      </c>
    </row>
    <row r="42" spans="1:14" ht="23.1" customHeight="1" x14ac:dyDescent="0.2">
      <c r="A42" s="17">
        <v>38</v>
      </c>
      <c r="B42" s="18" t="s">
        <v>47</v>
      </c>
      <c r="C42" s="19">
        <v>6127</v>
      </c>
      <c r="D42" s="20">
        <v>6424</v>
      </c>
      <c r="E42" s="20">
        <v>12551</v>
      </c>
      <c r="F42" s="21">
        <v>5405</v>
      </c>
      <c r="G42" s="22">
        <v>6113</v>
      </c>
      <c r="H42" s="23">
        <v>6424</v>
      </c>
      <c r="I42" s="23">
        <v>12537</v>
      </c>
      <c r="J42" s="24">
        <v>5411</v>
      </c>
      <c r="K42" s="25">
        <v>-14</v>
      </c>
      <c r="L42" s="26">
        <v>0</v>
      </c>
      <c r="M42" s="26">
        <v>-14</v>
      </c>
      <c r="N42" s="27">
        <v>6</v>
      </c>
    </row>
    <row r="43" spans="1:14" ht="23.1" customHeight="1" x14ac:dyDescent="0.2">
      <c r="A43" s="17">
        <v>39</v>
      </c>
      <c r="B43" s="18" t="s">
        <v>48</v>
      </c>
      <c r="C43" s="19">
        <v>1990</v>
      </c>
      <c r="D43" s="20">
        <v>2092</v>
      </c>
      <c r="E43" s="20">
        <v>4082</v>
      </c>
      <c r="F43" s="21">
        <v>1715</v>
      </c>
      <c r="G43" s="22">
        <v>1987</v>
      </c>
      <c r="H43" s="23">
        <v>2093</v>
      </c>
      <c r="I43" s="23">
        <v>4080</v>
      </c>
      <c r="J43" s="24">
        <v>1719</v>
      </c>
      <c r="K43" s="25">
        <v>-3</v>
      </c>
      <c r="L43" s="26">
        <v>1</v>
      </c>
      <c r="M43" s="26">
        <v>-2</v>
      </c>
      <c r="N43" s="27">
        <v>4</v>
      </c>
    </row>
    <row r="44" spans="1:14" ht="23.1" customHeight="1" x14ac:dyDescent="0.2">
      <c r="A44" s="17">
        <v>40</v>
      </c>
      <c r="B44" s="18" t="s">
        <v>49</v>
      </c>
      <c r="C44" s="19">
        <v>826</v>
      </c>
      <c r="D44" s="20">
        <v>847</v>
      </c>
      <c r="E44" s="20">
        <v>1673</v>
      </c>
      <c r="F44" s="21">
        <v>642</v>
      </c>
      <c r="G44" s="22">
        <v>823</v>
      </c>
      <c r="H44" s="23">
        <v>847</v>
      </c>
      <c r="I44" s="23">
        <v>1670</v>
      </c>
      <c r="J44" s="24">
        <v>642</v>
      </c>
      <c r="K44" s="25">
        <v>-3</v>
      </c>
      <c r="L44" s="26">
        <v>0</v>
      </c>
      <c r="M44" s="26">
        <v>-3</v>
      </c>
      <c r="N44" s="27">
        <v>0</v>
      </c>
    </row>
    <row r="45" spans="1:14" ht="23.1" customHeight="1" x14ac:dyDescent="0.2">
      <c r="A45" s="17">
        <v>41</v>
      </c>
      <c r="B45" s="18" t="s">
        <v>50</v>
      </c>
      <c r="C45" s="19">
        <v>842</v>
      </c>
      <c r="D45" s="20">
        <v>856</v>
      </c>
      <c r="E45" s="20">
        <v>1698</v>
      </c>
      <c r="F45" s="21">
        <v>945</v>
      </c>
      <c r="G45" s="22">
        <v>836</v>
      </c>
      <c r="H45" s="23">
        <v>841</v>
      </c>
      <c r="I45" s="23">
        <v>1677</v>
      </c>
      <c r="J45" s="24">
        <v>926</v>
      </c>
      <c r="K45" s="25">
        <v>-6</v>
      </c>
      <c r="L45" s="26">
        <v>-15</v>
      </c>
      <c r="M45" s="26">
        <v>-21</v>
      </c>
      <c r="N45" s="27">
        <v>-19</v>
      </c>
    </row>
    <row r="46" spans="1:14" ht="23.1" customHeight="1" x14ac:dyDescent="0.2">
      <c r="A46" s="17">
        <v>42</v>
      </c>
      <c r="B46" s="18" t="s">
        <v>51</v>
      </c>
      <c r="C46" s="19">
        <v>1663</v>
      </c>
      <c r="D46" s="20">
        <v>1671</v>
      </c>
      <c r="E46" s="20">
        <v>3334</v>
      </c>
      <c r="F46" s="21">
        <v>1328</v>
      </c>
      <c r="G46" s="22">
        <v>1661</v>
      </c>
      <c r="H46" s="23">
        <v>1671</v>
      </c>
      <c r="I46" s="23">
        <v>3332</v>
      </c>
      <c r="J46" s="24">
        <v>1334</v>
      </c>
      <c r="K46" s="25">
        <v>-2</v>
      </c>
      <c r="L46" s="26">
        <v>0</v>
      </c>
      <c r="M46" s="26">
        <v>-2</v>
      </c>
      <c r="N46" s="27">
        <v>6</v>
      </c>
    </row>
    <row r="47" spans="1:14" ht="23.1" customHeight="1" x14ac:dyDescent="0.2">
      <c r="A47" s="17">
        <v>43</v>
      </c>
      <c r="B47" s="18" t="s">
        <v>52</v>
      </c>
      <c r="C47" s="19">
        <v>492</v>
      </c>
      <c r="D47" s="20">
        <v>533</v>
      </c>
      <c r="E47" s="20">
        <v>1025</v>
      </c>
      <c r="F47" s="21">
        <v>403</v>
      </c>
      <c r="G47" s="22">
        <v>489</v>
      </c>
      <c r="H47" s="23">
        <v>532</v>
      </c>
      <c r="I47" s="23">
        <v>1021</v>
      </c>
      <c r="J47" s="24">
        <v>401</v>
      </c>
      <c r="K47" s="25">
        <v>-3</v>
      </c>
      <c r="L47" s="26">
        <v>-1</v>
      </c>
      <c r="M47" s="26">
        <v>-4</v>
      </c>
      <c r="N47" s="27">
        <v>-2</v>
      </c>
    </row>
    <row r="48" spans="1:14" ht="23.1" customHeight="1" x14ac:dyDescent="0.2">
      <c r="A48" s="17">
        <v>44</v>
      </c>
      <c r="B48" s="18" t="s">
        <v>53</v>
      </c>
      <c r="C48" s="19">
        <v>1670</v>
      </c>
      <c r="D48" s="20">
        <v>1911</v>
      </c>
      <c r="E48" s="20">
        <v>3581</v>
      </c>
      <c r="F48" s="21">
        <v>1613</v>
      </c>
      <c r="G48" s="22">
        <v>1661</v>
      </c>
      <c r="H48" s="23">
        <v>1905</v>
      </c>
      <c r="I48" s="23">
        <v>3566</v>
      </c>
      <c r="J48" s="24">
        <v>1610</v>
      </c>
      <c r="K48" s="25">
        <v>-9</v>
      </c>
      <c r="L48" s="26">
        <v>-6</v>
      </c>
      <c r="M48" s="26">
        <v>-15</v>
      </c>
      <c r="N48" s="27">
        <v>-3</v>
      </c>
    </row>
    <row r="49" spans="1:14" ht="23.1" customHeight="1" x14ac:dyDescent="0.2">
      <c r="A49" s="17">
        <v>45</v>
      </c>
      <c r="B49" s="18" t="s">
        <v>54</v>
      </c>
      <c r="C49" s="19">
        <v>1916</v>
      </c>
      <c r="D49" s="20">
        <v>2053</v>
      </c>
      <c r="E49" s="20">
        <v>3969</v>
      </c>
      <c r="F49" s="21">
        <v>1719</v>
      </c>
      <c r="G49" s="22">
        <v>1914</v>
      </c>
      <c r="H49" s="23">
        <v>2050</v>
      </c>
      <c r="I49" s="23">
        <v>3964</v>
      </c>
      <c r="J49" s="24">
        <v>1720</v>
      </c>
      <c r="K49" s="25">
        <v>-2</v>
      </c>
      <c r="L49" s="26">
        <v>-3</v>
      </c>
      <c r="M49" s="26">
        <v>-5</v>
      </c>
      <c r="N49" s="27">
        <v>1</v>
      </c>
    </row>
    <row r="50" spans="1:14" ht="23.1" customHeight="1" x14ac:dyDescent="0.2">
      <c r="A50" s="17">
        <v>46</v>
      </c>
      <c r="B50" s="18" t="s">
        <v>55</v>
      </c>
      <c r="C50" s="19">
        <v>946</v>
      </c>
      <c r="D50" s="20">
        <v>965</v>
      </c>
      <c r="E50" s="20">
        <v>1911</v>
      </c>
      <c r="F50" s="21">
        <v>798</v>
      </c>
      <c r="G50" s="22">
        <v>944</v>
      </c>
      <c r="H50" s="23">
        <v>962</v>
      </c>
      <c r="I50" s="23">
        <v>1906</v>
      </c>
      <c r="J50" s="24">
        <v>798</v>
      </c>
      <c r="K50" s="25">
        <v>-2</v>
      </c>
      <c r="L50" s="26">
        <v>-3</v>
      </c>
      <c r="M50" s="26">
        <v>-5</v>
      </c>
      <c r="N50" s="27">
        <v>0</v>
      </c>
    </row>
    <row r="51" spans="1:14" ht="23.1" customHeight="1" x14ac:dyDescent="0.2">
      <c r="A51" s="17">
        <v>47</v>
      </c>
      <c r="B51" s="18" t="s">
        <v>56</v>
      </c>
      <c r="C51" s="19">
        <v>1970</v>
      </c>
      <c r="D51" s="20">
        <v>1994</v>
      </c>
      <c r="E51" s="20">
        <v>3964</v>
      </c>
      <c r="F51" s="21">
        <v>1694</v>
      </c>
      <c r="G51" s="22">
        <v>1963</v>
      </c>
      <c r="H51" s="23">
        <v>1997</v>
      </c>
      <c r="I51" s="23">
        <v>3960</v>
      </c>
      <c r="J51" s="24">
        <v>1691</v>
      </c>
      <c r="K51" s="25">
        <v>-7</v>
      </c>
      <c r="L51" s="26">
        <v>3</v>
      </c>
      <c r="M51" s="26">
        <v>-4</v>
      </c>
      <c r="N51" s="27">
        <v>-3</v>
      </c>
    </row>
    <row r="52" spans="1:14" ht="23.1" customHeight="1" x14ac:dyDescent="0.2">
      <c r="A52" s="17">
        <v>48</v>
      </c>
      <c r="B52" s="18" t="s">
        <v>57</v>
      </c>
      <c r="C52" s="19">
        <v>844</v>
      </c>
      <c r="D52" s="20">
        <v>875</v>
      </c>
      <c r="E52" s="20">
        <v>1719</v>
      </c>
      <c r="F52" s="21">
        <v>613</v>
      </c>
      <c r="G52" s="22">
        <v>839</v>
      </c>
      <c r="H52" s="23">
        <v>869</v>
      </c>
      <c r="I52" s="23">
        <v>1708</v>
      </c>
      <c r="J52" s="24">
        <v>613</v>
      </c>
      <c r="K52" s="25">
        <v>-5</v>
      </c>
      <c r="L52" s="26">
        <v>-6</v>
      </c>
      <c r="M52" s="26">
        <v>-11</v>
      </c>
      <c r="N52" s="27">
        <v>0</v>
      </c>
    </row>
    <row r="53" spans="1:14" ht="23.1" customHeight="1" x14ac:dyDescent="0.2">
      <c r="A53" s="17">
        <v>49</v>
      </c>
      <c r="B53" s="18" t="s">
        <v>58</v>
      </c>
      <c r="C53" s="19">
        <v>4389</v>
      </c>
      <c r="D53" s="20">
        <v>4533</v>
      </c>
      <c r="E53" s="20">
        <v>8922</v>
      </c>
      <c r="F53" s="21">
        <v>4186</v>
      </c>
      <c r="G53" s="22">
        <v>4412</v>
      </c>
      <c r="H53" s="23">
        <v>4545</v>
      </c>
      <c r="I53" s="23">
        <v>8957</v>
      </c>
      <c r="J53" s="24">
        <v>4228</v>
      </c>
      <c r="K53" s="25">
        <v>23</v>
      </c>
      <c r="L53" s="26">
        <v>12</v>
      </c>
      <c r="M53" s="26">
        <v>35</v>
      </c>
      <c r="N53" s="27">
        <v>42</v>
      </c>
    </row>
    <row r="54" spans="1:14" ht="23.1" customHeight="1" x14ac:dyDescent="0.2">
      <c r="A54" s="17">
        <v>50</v>
      </c>
      <c r="B54" s="18" t="s">
        <v>59</v>
      </c>
      <c r="C54" s="19">
        <v>6353</v>
      </c>
      <c r="D54" s="20">
        <v>6334</v>
      </c>
      <c r="E54" s="20">
        <v>12687</v>
      </c>
      <c r="F54" s="21">
        <v>5645</v>
      </c>
      <c r="G54" s="22">
        <v>6358</v>
      </c>
      <c r="H54" s="23">
        <v>6335</v>
      </c>
      <c r="I54" s="23">
        <v>12693</v>
      </c>
      <c r="J54" s="24">
        <v>5665</v>
      </c>
      <c r="K54" s="25">
        <v>5</v>
      </c>
      <c r="L54" s="26">
        <v>1</v>
      </c>
      <c r="M54" s="26">
        <v>6</v>
      </c>
      <c r="N54" s="27">
        <v>20</v>
      </c>
    </row>
    <row r="55" spans="1:14" ht="23.1" customHeight="1" x14ac:dyDescent="0.2">
      <c r="A55" s="17">
        <v>99</v>
      </c>
      <c r="B55" s="18" t="s">
        <v>60</v>
      </c>
      <c r="C55" s="19">
        <v>155790</v>
      </c>
      <c r="D55" s="20">
        <v>164439</v>
      </c>
      <c r="E55" s="20">
        <v>320229</v>
      </c>
      <c r="F55" s="21">
        <v>143131</v>
      </c>
      <c r="G55" s="22">
        <v>155572</v>
      </c>
      <c r="H55" s="23">
        <v>164175</v>
      </c>
      <c r="I55" s="23">
        <v>319747</v>
      </c>
      <c r="J55" s="24">
        <v>143374</v>
      </c>
      <c r="K55" s="25">
        <v>-218</v>
      </c>
      <c r="L55" s="26">
        <v>-264</v>
      </c>
      <c r="M55" s="26">
        <v>-482</v>
      </c>
      <c r="N55" s="27">
        <v>243</v>
      </c>
    </row>
    <row r="56" spans="1:14" ht="23.1" customHeight="1" x14ac:dyDescent="0.2">
      <c r="A56" s="28">
        <v>101</v>
      </c>
      <c r="B56" s="29" t="s">
        <v>61</v>
      </c>
      <c r="C56" s="19">
        <v>150</v>
      </c>
      <c r="D56" s="20">
        <v>172</v>
      </c>
      <c r="E56" s="20">
        <v>322</v>
      </c>
      <c r="F56" s="21">
        <v>134</v>
      </c>
      <c r="G56" s="22">
        <v>150</v>
      </c>
      <c r="H56" s="23">
        <v>172</v>
      </c>
      <c r="I56" s="23">
        <v>322</v>
      </c>
      <c r="J56" s="24">
        <v>134</v>
      </c>
      <c r="K56" s="25">
        <v>0</v>
      </c>
      <c r="L56" s="26">
        <v>0</v>
      </c>
      <c r="M56" s="26">
        <v>0</v>
      </c>
      <c r="N56" s="27">
        <v>0</v>
      </c>
    </row>
    <row r="57" spans="1:14" ht="23.1" customHeight="1" x14ac:dyDescent="0.2">
      <c r="A57" s="28">
        <v>102</v>
      </c>
      <c r="B57" s="29" t="s">
        <v>62</v>
      </c>
      <c r="C57" s="19">
        <v>129</v>
      </c>
      <c r="D57" s="20">
        <v>136</v>
      </c>
      <c r="E57" s="20">
        <v>265</v>
      </c>
      <c r="F57" s="21">
        <v>111</v>
      </c>
      <c r="G57" s="22">
        <v>129</v>
      </c>
      <c r="H57" s="23">
        <v>136</v>
      </c>
      <c r="I57" s="23">
        <v>265</v>
      </c>
      <c r="J57" s="24">
        <v>111</v>
      </c>
      <c r="K57" s="25">
        <v>0</v>
      </c>
      <c r="L57" s="26">
        <v>0</v>
      </c>
      <c r="M57" s="26">
        <v>0</v>
      </c>
      <c r="N57" s="27">
        <v>0</v>
      </c>
    </row>
    <row r="58" spans="1:14" ht="23.1" customHeight="1" x14ac:dyDescent="0.2">
      <c r="A58" s="28">
        <v>103</v>
      </c>
      <c r="B58" s="29" t="s">
        <v>63</v>
      </c>
      <c r="C58" s="19">
        <v>1056</v>
      </c>
      <c r="D58" s="20">
        <v>1025</v>
      </c>
      <c r="E58" s="20">
        <v>2081</v>
      </c>
      <c r="F58" s="21">
        <v>1021</v>
      </c>
      <c r="G58" s="22">
        <v>1050</v>
      </c>
      <c r="H58" s="23">
        <v>1019</v>
      </c>
      <c r="I58" s="23">
        <v>2069</v>
      </c>
      <c r="J58" s="24">
        <v>1020</v>
      </c>
      <c r="K58" s="25">
        <v>-6</v>
      </c>
      <c r="L58" s="26">
        <v>-6</v>
      </c>
      <c r="M58" s="26">
        <v>-12</v>
      </c>
      <c r="N58" s="27">
        <v>-1</v>
      </c>
    </row>
    <row r="59" spans="1:14" ht="23.1" customHeight="1" x14ac:dyDescent="0.2">
      <c r="A59" s="28">
        <v>104</v>
      </c>
      <c r="B59" s="29" t="s">
        <v>64</v>
      </c>
      <c r="C59" s="19">
        <v>5596</v>
      </c>
      <c r="D59" s="20">
        <v>5969</v>
      </c>
      <c r="E59" s="20">
        <v>11565</v>
      </c>
      <c r="F59" s="21">
        <v>4767</v>
      </c>
      <c r="G59" s="22">
        <v>5573</v>
      </c>
      <c r="H59" s="23">
        <v>5950</v>
      </c>
      <c r="I59" s="23">
        <v>11523</v>
      </c>
      <c r="J59" s="24">
        <v>4766</v>
      </c>
      <c r="K59" s="25">
        <v>-23</v>
      </c>
      <c r="L59" s="26">
        <v>-19</v>
      </c>
      <c r="M59" s="26">
        <v>-42</v>
      </c>
      <c r="N59" s="27">
        <v>-1</v>
      </c>
    </row>
    <row r="60" spans="1:14" ht="23.1" customHeight="1" x14ac:dyDescent="0.2">
      <c r="A60" s="28">
        <v>105</v>
      </c>
      <c r="B60" s="29" t="s">
        <v>65</v>
      </c>
      <c r="C60" s="19">
        <v>3716</v>
      </c>
      <c r="D60" s="20">
        <v>3793</v>
      </c>
      <c r="E60" s="20">
        <v>7509</v>
      </c>
      <c r="F60" s="21">
        <v>2933</v>
      </c>
      <c r="G60" s="22">
        <v>3729</v>
      </c>
      <c r="H60" s="23">
        <v>3788</v>
      </c>
      <c r="I60" s="23">
        <v>7517</v>
      </c>
      <c r="J60" s="24">
        <v>2935</v>
      </c>
      <c r="K60" s="25">
        <v>13</v>
      </c>
      <c r="L60" s="26">
        <v>-5</v>
      </c>
      <c r="M60" s="26">
        <v>8</v>
      </c>
      <c r="N60" s="27">
        <v>2</v>
      </c>
    </row>
    <row r="61" spans="1:14" ht="23.1" customHeight="1" x14ac:dyDescent="0.2">
      <c r="A61" s="28">
        <v>199</v>
      </c>
      <c r="B61" s="29" t="s">
        <v>66</v>
      </c>
      <c r="C61" s="19">
        <v>10647</v>
      </c>
      <c r="D61" s="20">
        <v>11095</v>
      </c>
      <c r="E61" s="20">
        <v>21742</v>
      </c>
      <c r="F61" s="21">
        <v>8966</v>
      </c>
      <c r="G61" s="22">
        <v>10631</v>
      </c>
      <c r="H61" s="23">
        <v>11065</v>
      </c>
      <c r="I61" s="23">
        <v>21696</v>
      </c>
      <c r="J61" s="24">
        <v>8966</v>
      </c>
      <c r="K61" s="25">
        <v>-16</v>
      </c>
      <c r="L61" s="26">
        <v>-30</v>
      </c>
      <c r="M61" s="26">
        <v>-46</v>
      </c>
      <c r="N61" s="27">
        <v>0</v>
      </c>
    </row>
    <row r="62" spans="1:14" ht="23.1" customHeight="1" x14ac:dyDescent="0.2">
      <c r="A62" s="28">
        <v>201</v>
      </c>
      <c r="B62" s="29" t="s">
        <v>67</v>
      </c>
      <c r="C62" s="19">
        <v>1306</v>
      </c>
      <c r="D62" s="20">
        <v>1429</v>
      </c>
      <c r="E62" s="20">
        <v>2735</v>
      </c>
      <c r="F62" s="21">
        <v>1142</v>
      </c>
      <c r="G62" s="22">
        <v>1301</v>
      </c>
      <c r="H62" s="23">
        <v>1424</v>
      </c>
      <c r="I62" s="23">
        <v>2725</v>
      </c>
      <c r="J62" s="24">
        <v>1145</v>
      </c>
      <c r="K62" s="25">
        <v>-5</v>
      </c>
      <c r="L62" s="26">
        <v>-5</v>
      </c>
      <c r="M62" s="26">
        <v>-10</v>
      </c>
      <c r="N62" s="27">
        <v>3</v>
      </c>
    </row>
    <row r="63" spans="1:14" ht="23.1" customHeight="1" x14ac:dyDescent="0.2">
      <c r="A63" s="28">
        <v>202</v>
      </c>
      <c r="B63" s="29" t="s">
        <v>68</v>
      </c>
      <c r="C63" s="19">
        <v>396</v>
      </c>
      <c r="D63" s="20">
        <v>483</v>
      </c>
      <c r="E63" s="20">
        <v>879</v>
      </c>
      <c r="F63" s="21">
        <v>383</v>
      </c>
      <c r="G63" s="22">
        <v>394</v>
      </c>
      <c r="H63" s="23">
        <v>481</v>
      </c>
      <c r="I63" s="23">
        <v>875</v>
      </c>
      <c r="J63" s="24">
        <v>383</v>
      </c>
      <c r="K63" s="25">
        <v>-2</v>
      </c>
      <c r="L63" s="26">
        <v>-2</v>
      </c>
      <c r="M63" s="26">
        <v>-4</v>
      </c>
      <c r="N63" s="27">
        <v>0</v>
      </c>
    </row>
    <row r="64" spans="1:14" ht="23.1" customHeight="1" x14ac:dyDescent="0.2">
      <c r="A64" s="28">
        <v>203</v>
      </c>
      <c r="B64" s="29" t="s">
        <v>69</v>
      </c>
      <c r="C64" s="19">
        <v>2527</v>
      </c>
      <c r="D64" s="20">
        <v>2573</v>
      </c>
      <c r="E64" s="20">
        <v>5100</v>
      </c>
      <c r="F64" s="21">
        <v>1871</v>
      </c>
      <c r="G64" s="22">
        <v>2507</v>
      </c>
      <c r="H64" s="23">
        <v>2568</v>
      </c>
      <c r="I64" s="23">
        <v>5075</v>
      </c>
      <c r="J64" s="24">
        <v>1872</v>
      </c>
      <c r="K64" s="25">
        <v>-20</v>
      </c>
      <c r="L64" s="26">
        <v>-5</v>
      </c>
      <c r="M64" s="26">
        <v>-25</v>
      </c>
      <c r="N64" s="27">
        <v>1</v>
      </c>
    </row>
    <row r="65" spans="1:14" ht="23.1" customHeight="1" x14ac:dyDescent="0.2">
      <c r="A65" s="28">
        <v>204</v>
      </c>
      <c r="B65" s="29" t="s">
        <v>70</v>
      </c>
      <c r="C65" s="19">
        <v>437</v>
      </c>
      <c r="D65" s="20">
        <v>471</v>
      </c>
      <c r="E65" s="20">
        <v>908</v>
      </c>
      <c r="F65" s="21">
        <v>388</v>
      </c>
      <c r="G65" s="22">
        <v>432</v>
      </c>
      <c r="H65" s="23">
        <v>464</v>
      </c>
      <c r="I65" s="23">
        <v>896</v>
      </c>
      <c r="J65" s="24">
        <v>378</v>
      </c>
      <c r="K65" s="25">
        <v>-5</v>
      </c>
      <c r="L65" s="26">
        <v>-7</v>
      </c>
      <c r="M65" s="26">
        <v>-12</v>
      </c>
      <c r="N65" s="27">
        <v>-10</v>
      </c>
    </row>
    <row r="66" spans="1:14" ht="23.1" customHeight="1" x14ac:dyDescent="0.2">
      <c r="A66" s="28">
        <v>299</v>
      </c>
      <c r="B66" s="29" t="s">
        <v>71</v>
      </c>
      <c r="C66" s="19">
        <v>4666</v>
      </c>
      <c r="D66" s="20">
        <v>4956</v>
      </c>
      <c r="E66" s="20">
        <v>9622</v>
      </c>
      <c r="F66" s="21">
        <v>3784</v>
      </c>
      <c r="G66" s="22">
        <v>4634</v>
      </c>
      <c r="H66" s="23">
        <v>4937</v>
      </c>
      <c r="I66" s="23">
        <v>9571</v>
      </c>
      <c r="J66" s="24">
        <v>3778</v>
      </c>
      <c r="K66" s="25">
        <v>-32</v>
      </c>
      <c r="L66" s="26">
        <v>-19</v>
      </c>
      <c r="M66" s="26">
        <v>-51</v>
      </c>
      <c r="N66" s="27">
        <v>-6</v>
      </c>
    </row>
    <row r="67" spans="1:14" ht="23.1" customHeight="1" x14ac:dyDescent="0.2">
      <c r="A67" s="28">
        <v>301</v>
      </c>
      <c r="B67" s="29" t="s">
        <v>72</v>
      </c>
      <c r="C67" s="19">
        <v>1005</v>
      </c>
      <c r="D67" s="20">
        <v>1098</v>
      </c>
      <c r="E67" s="20">
        <v>2103</v>
      </c>
      <c r="F67" s="21">
        <v>891</v>
      </c>
      <c r="G67" s="22">
        <v>1006</v>
      </c>
      <c r="H67" s="23">
        <v>1098</v>
      </c>
      <c r="I67" s="23">
        <v>2104</v>
      </c>
      <c r="J67" s="24">
        <v>892</v>
      </c>
      <c r="K67" s="25">
        <v>1</v>
      </c>
      <c r="L67" s="26">
        <v>0</v>
      </c>
      <c r="M67" s="26">
        <v>1</v>
      </c>
      <c r="N67" s="27">
        <v>1</v>
      </c>
    </row>
    <row r="68" spans="1:14" ht="23.1" customHeight="1" x14ac:dyDescent="0.2">
      <c r="A68" s="28">
        <v>302</v>
      </c>
      <c r="B68" s="29" t="s">
        <v>73</v>
      </c>
      <c r="C68" s="19">
        <v>3587</v>
      </c>
      <c r="D68" s="20">
        <v>3550</v>
      </c>
      <c r="E68" s="20">
        <v>7137</v>
      </c>
      <c r="F68" s="21">
        <v>2884</v>
      </c>
      <c r="G68" s="22">
        <v>3571</v>
      </c>
      <c r="H68" s="23">
        <v>3540</v>
      </c>
      <c r="I68" s="23">
        <v>7111</v>
      </c>
      <c r="J68" s="24">
        <v>2884</v>
      </c>
      <c r="K68" s="25">
        <v>-16</v>
      </c>
      <c r="L68" s="26">
        <v>-10</v>
      </c>
      <c r="M68" s="26">
        <v>-26</v>
      </c>
      <c r="N68" s="27">
        <v>0</v>
      </c>
    </row>
    <row r="69" spans="1:14" ht="23.1" customHeight="1" x14ac:dyDescent="0.2">
      <c r="A69" s="28">
        <v>303</v>
      </c>
      <c r="B69" s="29" t="s">
        <v>74</v>
      </c>
      <c r="C69" s="19">
        <v>3388</v>
      </c>
      <c r="D69" s="20">
        <v>3569</v>
      </c>
      <c r="E69" s="20">
        <v>6957</v>
      </c>
      <c r="F69" s="21">
        <v>2428</v>
      </c>
      <c r="G69" s="22">
        <v>3381</v>
      </c>
      <c r="H69" s="23">
        <v>3565</v>
      </c>
      <c r="I69" s="23">
        <v>6946</v>
      </c>
      <c r="J69" s="24">
        <v>2431</v>
      </c>
      <c r="K69" s="25">
        <v>-7</v>
      </c>
      <c r="L69" s="26">
        <v>-4</v>
      </c>
      <c r="M69" s="26">
        <v>-11</v>
      </c>
      <c r="N69" s="27">
        <v>3</v>
      </c>
    </row>
    <row r="70" spans="1:14" ht="23.1" customHeight="1" x14ac:dyDescent="0.2">
      <c r="A70" s="28">
        <v>304</v>
      </c>
      <c r="B70" s="29" t="s">
        <v>75</v>
      </c>
      <c r="C70" s="19">
        <v>380</v>
      </c>
      <c r="D70" s="20">
        <v>431</v>
      </c>
      <c r="E70" s="20">
        <v>811</v>
      </c>
      <c r="F70" s="21">
        <v>318</v>
      </c>
      <c r="G70" s="22">
        <v>380</v>
      </c>
      <c r="H70" s="23">
        <v>433</v>
      </c>
      <c r="I70" s="23">
        <v>813</v>
      </c>
      <c r="J70" s="24">
        <v>319</v>
      </c>
      <c r="K70" s="25">
        <v>0</v>
      </c>
      <c r="L70" s="26">
        <v>2</v>
      </c>
      <c r="M70" s="26">
        <v>2</v>
      </c>
      <c r="N70" s="27">
        <v>1</v>
      </c>
    </row>
    <row r="71" spans="1:14" ht="23.1" customHeight="1" x14ac:dyDescent="0.2">
      <c r="A71" s="28">
        <v>305</v>
      </c>
      <c r="B71" s="29" t="s">
        <v>76</v>
      </c>
      <c r="C71" s="19">
        <v>192</v>
      </c>
      <c r="D71" s="20">
        <v>221</v>
      </c>
      <c r="E71" s="20">
        <v>413</v>
      </c>
      <c r="F71" s="21">
        <v>161</v>
      </c>
      <c r="G71" s="22">
        <v>191</v>
      </c>
      <c r="H71" s="23">
        <v>220</v>
      </c>
      <c r="I71" s="23">
        <v>411</v>
      </c>
      <c r="J71" s="24">
        <v>160</v>
      </c>
      <c r="K71" s="25">
        <v>-1</v>
      </c>
      <c r="L71" s="26">
        <v>-1</v>
      </c>
      <c r="M71" s="26">
        <v>-2</v>
      </c>
      <c r="N71" s="27">
        <v>-1</v>
      </c>
    </row>
    <row r="72" spans="1:14" ht="23.1" customHeight="1" x14ac:dyDescent="0.2">
      <c r="A72" s="28">
        <v>306</v>
      </c>
      <c r="B72" s="29" t="s">
        <v>77</v>
      </c>
      <c r="C72" s="19">
        <v>572</v>
      </c>
      <c r="D72" s="20">
        <v>632</v>
      </c>
      <c r="E72" s="20">
        <v>1204</v>
      </c>
      <c r="F72" s="21">
        <v>411</v>
      </c>
      <c r="G72" s="22">
        <v>571</v>
      </c>
      <c r="H72" s="23">
        <v>631</v>
      </c>
      <c r="I72" s="23">
        <v>1202</v>
      </c>
      <c r="J72" s="24">
        <v>413</v>
      </c>
      <c r="K72" s="25">
        <v>-1</v>
      </c>
      <c r="L72" s="26">
        <v>-1</v>
      </c>
      <c r="M72" s="26">
        <v>-2</v>
      </c>
      <c r="N72" s="27">
        <v>2</v>
      </c>
    </row>
    <row r="73" spans="1:14" ht="23.1" customHeight="1" x14ac:dyDescent="0.2">
      <c r="A73" s="28">
        <v>307</v>
      </c>
      <c r="B73" s="29" t="s">
        <v>78</v>
      </c>
      <c r="C73" s="19">
        <v>349</v>
      </c>
      <c r="D73" s="20">
        <v>376</v>
      </c>
      <c r="E73" s="20">
        <v>725</v>
      </c>
      <c r="F73" s="21">
        <v>347</v>
      </c>
      <c r="G73" s="22">
        <v>346</v>
      </c>
      <c r="H73" s="23">
        <v>372</v>
      </c>
      <c r="I73" s="23">
        <v>718</v>
      </c>
      <c r="J73" s="24">
        <v>342</v>
      </c>
      <c r="K73" s="25">
        <v>-3</v>
      </c>
      <c r="L73" s="26">
        <v>-4</v>
      </c>
      <c r="M73" s="26">
        <v>-7</v>
      </c>
      <c r="N73" s="27">
        <v>-5</v>
      </c>
    </row>
    <row r="74" spans="1:14" ht="23.1" customHeight="1" x14ac:dyDescent="0.2">
      <c r="A74" s="28">
        <v>308</v>
      </c>
      <c r="B74" s="29" t="s">
        <v>79</v>
      </c>
      <c r="C74" s="19">
        <v>71</v>
      </c>
      <c r="D74" s="20">
        <v>94</v>
      </c>
      <c r="E74" s="20">
        <v>165</v>
      </c>
      <c r="F74" s="21">
        <v>68</v>
      </c>
      <c r="G74" s="22">
        <v>72</v>
      </c>
      <c r="H74" s="23">
        <v>94</v>
      </c>
      <c r="I74" s="23">
        <v>166</v>
      </c>
      <c r="J74" s="24">
        <v>69</v>
      </c>
      <c r="K74" s="25">
        <v>1</v>
      </c>
      <c r="L74" s="26">
        <v>0</v>
      </c>
      <c r="M74" s="26">
        <v>1</v>
      </c>
      <c r="N74" s="27">
        <v>1</v>
      </c>
    </row>
    <row r="75" spans="1:14" ht="23.1" customHeight="1" x14ac:dyDescent="0.2">
      <c r="A75" s="28">
        <v>309</v>
      </c>
      <c r="B75" s="29" t="s">
        <v>80</v>
      </c>
      <c r="C75" s="19">
        <v>32</v>
      </c>
      <c r="D75" s="20">
        <v>21</v>
      </c>
      <c r="E75" s="20">
        <v>53</v>
      </c>
      <c r="F75" s="21">
        <v>33</v>
      </c>
      <c r="G75" s="22">
        <v>33</v>
      </c>
      <c r="H75" s="23">
        <v>21</v>
      </c>
      <c r="I75" s="23">
        <v>54</v>
      </c>
      <c r="J75" s="24">
        <v>34</v>
      </c>
      <c r="K75" s="25">
        <v>1</v>
      </c>
      <c r="L75" s="26">
        <v>0</v>
      </c>
      <c r="M75" s="26">
        <v>1</v>
      </c>
      <c r="N75" s="27">
        <v>1</v>
      </c>
    </row>
    <row r="76" spans="1:14" ht="23.1" customHeight="1" x14ac:dyDescent="0.2">
      <c r="A76" s="28">
        <v>399</v>
      </c>
      <c r="B76" s="29" t="s">
        <v>81</v>
      </c>
      <c r="C76" s="19">
        <v>9576</v>
      </c>
      <c r="D76" s="20">
        <v>9992</v>
      </c>
      <c r="E76" s="20">
        <v>19568</v>
      </c>
      <c r="F76" s="21">
        <v>7541</v>
      </c>
      <c r="G76" s="22">
        <v>9551</v>
      </c>
      <c r="H76" s="23">
        <v>9974</v>
      </c>
      <c r="I76" s="23">
        <v>19525</v>
      </c>
      <c r="J76" s="24">
        <v>7544</v>
      </c>
      <c r="K76" s="25">
        <v>-25</v>
      </c>
      <c r="L76" s="26">
        <v>-18</v>
      </c>
      <c r="M76" s="26">
        <v>-43</v>
      </c>
      <c r="N76" s="27">
        <v>3</v>
      </c>
    </row>
    <row r="77" spans="1:14" ht="23.1" customHeight="1" x14ac:dyDescent="0.2">
      <c r="A77" s="28">
        <v>401</v>
      </c>
      <c r="B77" s="29" t="s">
        <v>82</v>
      </c>
      <c r="C77" s="19">
        <v>6014</v>
      </c>
      <c r="D77" s="20">
        <v>6131</v>
      </c>
      <c r="E77" s="20">
        <v>12145</v>
      </c>
      <c r="F77" s="21">
        <v>4708</v>
      </c>
      <c r="G77" s="22">
        <v>5988</v>
      </c>
      <c r="H77" s="23">
        <v>6127</v>
      </c>
      <c r="I77" s="23">
        <v>12115</v>
      </c>
      <c r="J77" s="24">
        <v>4723</v>
      </c>
      <c r="K77" s="25">
        <v>-26</v>
      </c>
      <c r="L77" s="26">
        <v>-4</v>
      </c>
      <c r="M77" s="26">
        <v>-30</v>
      </c>
      <c r="N77" s="27">
        <v>15</v>
      </c>
    </row>
    <row r="78" spans="1:14" ht="23.1" customHeight="1" x14ac:dyDescent="0.2">
      <c r="A78" s="28">
        <v>402</v>
      </c>
      <c r="B78" s="29" t="s">
        <v>83</v>
      </c>
      <c r="C78" s="19">
        <v>5847</v>
      </c>
      <c r="D78" s="20">
        <v>6097</v>
      </c>
      <c r="E78" s="20">
        <v>11944</v>
      </c>
      <c r="F78" s="21">
        <v>4603</v>
      </c>
      <c r="G78" s="22">
        <v>5852</v>
      </c>
      <c r="H78" s="23">
        <v>6097</v>
      </c>
      <c r="I78" s="23">
        <v>11949</v>
      </c>
      <c r="J78" s="24">
        <v>4620</v>
      </c>
      <c r="K78" s="25">
        <v>5</v>
      </c>
      <c r="L78" s="26">
        <v>0</v>
      </c>
      <c r="M78" s="26">
        <v>5</v>
      </c>
      <c r="N78" s="27">
        <v>17</v>
      </c>
    </row>
    <row r="79" spans="1:14" ht="23.1" customHeight="1" x14ac:dyDescent="0.2">
      <c r="A79" s="28">
        <v>403</v>
      </c>
      <c r="B79" s="29" t="s">
        <v>84</v>
      </c>
      <c r="C79" s="19">
        <v>701</v>
      </c>
      <c r="D79" s="20">
        <v>760</v>
      </c>
      <c r="E79" s="20">
        <v>1461</v>
      </c>
      <c r="F79" s="21">
        <v>502</v>
      </c>
      <c r="G79" s="22">
        <v>701</v>
      </c>
      <c r="H79" s="23">
        <v>753</v>
      </c>
      <c r="I79" s="23">
        <v>1454</v>
      </c>
      <c r="J79" s="24">
        <v>498</v>
      </c>
      <c r="K79" s="25">
        <v>0</v>
      </c>
      <c r="L79" s="26">
        <v>-7</v>
      </c>
      <c r="M79" s="26">
        <v>-7</v>
      </c>
      <c r="N79" s="27">
        <v>-4</v>
      </c>
    </row>
    <row r="80" spans="1:14" ht="23.1" customHeight="1" x14ac:dyDescent="0.2">
      <c r="A80" s="28">
        <v>404</v>
      </c>
      <c r="B80" s="29" t="s">
        <v>85</v>
      </c>
      <c r="C80" s="19">
        <v>1102</v>
      </c>
      <c r="D80" s="20">
        <v>1168</v>
      </c>
      <c r="E80" s="20">
        <v>2270</v>
      </c>
      <c r="F80" s="21">
        <v>799</v>
      </c>
      <c r="G80" s="22">
        <v>1105</v>
      </c>
      <c r="H80" s="23">
        <v>1167</v>
      </c>
      <c r="I80" s="23">
        <v>2272</v>
      </c>
      <c r="J80" s="24">
        <v>800</v>
      </c>
      <c r="K80" s="25">
        <v>3</v>
      </c>
      <c r="L80" s="26">
        <v>-1</v>
      </c>
      <c r="M80" s="26">
        <v>2</v>
      </c>
      <c r="N80" s="27">
        <v>1</v>
      </c>
    </row>
    <row r="81" spans="1:14" ht="23.1" customHeight="1" x14ac:dyDescent="0.2">
      <c r="A81" s="28">
        <v>405</v>
      </c>
      <c r="B81" s="29" t="s">
        <v>86</v>
      </c>
      <c r="C81" s="19">
        <v>1716</v>
      </c>
      <c r="D81" s="20">
        <v>1791</v>
      </c>
      <c r="E81" s="20">
        <v>3507</v>
      </c>
      <c r="F81" s="21">
        <v>1314</v>
      </c>
      <c r="G81" s="22">
        <v>1722</v>
      </c>
      <c r="H81" s="23">
        <v>1798</v>
      </c>
      <c r="I81" s="23">
        <v>3520</v>
      </c>
      <c r="J81" s="24">
        <v>1326</v>
      </c>
      <c r="K81" s="25">
        <v>6</v>
      </c>
      <c r="L81" s="26">
        <v>7</v>
      </c>
      <c r="M81" s="26">
        <v>13</v>
      </c>
      <c r="N81" s="27">
        <v>12</v>
      </c>
    </row>
    <row r="82" spans="1:14" ht="23.1" customHeight="1" x14ac:dyDescent="0.2">
      <c r="A82" s="28">
        <v>406</v>
      </c>
      <c r="B82" s="29" t="s">
        <v>87</v>
      </c>
      <c r="C82" s="19">
        <v>1893</v>
      </c>
      <c r="D82" s="20">
        <v>2018</v>
      </c>
      <c r="E82" s="20">
        <v>3911</v>
      </c>
      <c r="F82" s="21">
        <v>1545</v>
      </c>
      <c r="G82" s="22">
        <v>1885</v>
      </c>
      <c r="H82" s="23">
        <v>2012</v>
      </c>
      <c r="I82" s="23">
        <v>3897</v>
      </c>
      <c r="J82" s="24">
        <v>1546</v>
      </c>
      <c r="K82" s="25">
        <v>-8</v>
      </c>
      <c r="L82" s="26">
        <v>-6</v>
      </c>
      <c r="M82" s="26">
        <v>-14</v>
      </c>
      <c r="N82" s="27">
        <v>1</v>
      </c>
    </row>
    <row r="83" spans="1:14" ht="23.1" customHeight="1" x14ac:dyDescent="0.2">
      <c r="A83" s="28">
        <v>407</v>
      </c>
      <c r="B83" s="29" t="s">
        <v>88</v>
      </c>
      <c r="C83" s="19">
        <v>666</v>
      </c>
      <c r="D83" s="20">
        <v>708</v>
      </c>
      <c r="E83" s="20">
        <v>1374</v>
      </c>
      <c r="F83" s="21">
        <v>485</v>
      </c>
      <c r="G83" s="22">
        <v>664</v>
      </c>
      <c r="H83" s="23">
        <v>706</v>
      </c>
      <c r="I83" s="23">
        <v>1370</v>
      </c>
      <c r="J83" s="24">
        <v>487</v>
      </c>
      <c r="K83" s="25">
        <v>-2</v>
      </c>
      <c r="L83" s="26">
        <v>-2</v>
      </c>
      <c r="M83" s="26">
        <v>-4</v>
      </c>
      <c r="N83" s="27">
        <v>2</v>
      </c>
    </row>
    <row r="84" spans="1:14" ht="23.1" customHeight="1" x14ac:dyDescent="0.2">
      <c r="A84" s="28">
        <v>408</v>
      </c>
      <c r="B84" s="29" t="s">
        <v>89</v>
      </c>
      <c r="C84" s="19">
        <v>2417</v>
      </c>
      <c r="D84" s="20">
        <v>2521</v>
      </c>
      <c r="E84" s="20">
        <v>4938</v>
      </c>
      <c r="F84" s="21">
        <v>1703</v>
      </c>
      <c r="G84" s="22">
        <v>2408</v>
      </c>
      <c r="H84" s="23">
        <v>2508</v>
      </c>
      <c r="I84" s="23">
        <v>4916</v>
      </c>
      <c r="J84" s="24">
        <v>1706</v>
      </c>
      <c r="K84" s="25">
        <v>-9</v>
      </c>
      <c r="L84" s="26">
        <v>-13</v>
      </c>
      <c r="M84" s="26">
        <v>-22</v>
      </c>
      <c r="N84" s="27">
        <v>3</v>
      </c>
    </row>
    <row r="85" spans="1:14" ht="23.1" customHeight="1" x14ac:dyDescent="0.2">
      <c r="A85" s="28">
        <v>499</v>
      </c>
      <c r="B85" s="29" t="s">
        <v>90</v>
      </c>
      <c r="C85" s="19">
        <v>20356</v>
      </c>
      <c r="D85" s="20">
        <v>21194</v>
      </c>
      <c r="E85" s="20">
        <v>41550</v>
      </c>
      <c r="F85" s="21">
        <v>15659</v>
      </c>
      <c r="G85" s="22">
        <v>20325</v>
      </c>
      <c r="H85" s="23">
        <v>21168</v>
      </c>
      <c r="I85" s="23">
        <v>41493</v>
      </c>
      <c r="J85" s="24">
        <v>15706</v>
      </c>
      <c r="K85" s="25">
        <v>-31</v>
      </c>
      <c r="L85" s="26">
        <v>-26</v>
      </c>
      <c r="M85" s="26">
        <v>-57</v>
      </c>
      <c r="N85" s="27">
        <v>47</v>
      </c>
    </row>
    <row r="86" spans="1:14" ht="23.1" customHeight="1" x14ac:dyDescent="0.2">
      <c r="A86" s="28">
        <v>501</v>
      </c>
      <c r="B86" s="29" t="s">
        <v>91</v>
      </c>
      <c r="C86" s="19">
        <v>4</v>
      </c>
      <c r="D86" s="20">
        <v>9</v>
      </c>
      <c r="E86" s="20">
        <v>13</v>
      </c>
      <c r="F86" s="21">
        <v>6</v>
      </c>
      <c r="G86" s="22">
        <v>4</v>
      </c>
      <c r="H86" s="23">
        <v>9</v>
      </c>
      <c r="I86" s="23">
        <v>13</v>
      </c>
      <c r="J86" s="24">
        <v>6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2">
      <c r="A87" s="28">
        <v>502</v>
      </c>
      <c r="B87" s="29" t="s">
        <v>92</v>
      </c>
      <c r="C87" s="19">
        <v>445</v>
      </c>
      <c r="D87" s="20">
        <v>483</v>
      </c>
      <c r="E87" s="20">
        <v>928</v>
      </c>
      <c r="F87" s="21">
        <v>317</v>
      </c>
      <c r="G87" s="22">
        <v>442</v>
      </c>
      <c r="H87" s="23">
        <v>484</v>
      </c>
      <c r="I87" s="23">
        <v>926</v>
      </c>
      <c r="J87" s="24">
        <v>316</v>
      </c>
      <c r="K87" s="25">
        <v>-3</v>
      </c>
      <c r="L87" s="26">
        <v>1</v>
      </c>
      <c r="M87" s="26">
        <v>-2</v>
      </c>
      <c r="N87" s="27">
        <v>-1</v>
      </c>
    </row>
    <row r="88" spans="1:14" ht="23.1" customHeight="1" x14ac:dyDescent="0.2">
      <c r="A88" s="28">
        <v>503</v>
      </c>
      <c r="B88" s="29" t="s">
        <v>93</v>
      </c>
      <c r="C88" s="19">
        <v>87</v>
      </c>
      <c r="D88" s="20">
        <v>79</v>
      </c>
      <c r="E88" s="20">
        <v>166</v>
      </c>
      <c r="F88" s="21">
        <v>60</v>
      </c>
      <c r="G88" s="22">
        <v>87</v>
      </c>
      <c r="H88" s="23">
        <v>79</v>
      </c>
      <c r="I88" s="23">
        <v>166</v>
      </c>
      <c r="J88" s="24">
        <v>60</v>
      </c>
      <c r="K88" s="25">
        <v>0</v>
      </c>
      <c r="L88" s="26">
        <v>0</v>
      </c>
      <c r="M88" s="26">
        <v>0</v>
      </c>
      <c r="N88" s="27">
        <v>0</v>
      </c>
    </row>
    <row r="89" spans="1:14" ht="23.1" customHeight="1" x14ac:dyDescent="0.2">
      <c r="A89" s="28">
        <v>504</v>
      </c>
      <c r="B89" s="29" t="s">
        <v>94</v>
      </c>
      <c r="C89" s="19">
        <v>143</v>
      </c>
      <c r="D89" s="20">
        <v>138</v>
      </c>
      <c r="E89" s="20">
        <v>281</v>
      </c>
      <c r="F89" s="21">
        <v>126</v>
      </c>
      <c r="G89" s="22">
        <v>145</v>
      </c>
      <c r="H89" s="23">
        <v>139</v>
      </c>
      <c r="I89" s="23">
        <v>284</v>
      </c>
      <c r="J89" s="24">
        <v>127</v>
      </c>
      <c r="K89" s="25">
        <v>2</v>
      </c>
      <c r="L89" s="26">
        <v>1</v>
      </c>
      <c r="M89" s="26">
        <v>3</v>
      </c>
      <c r="N89" s="27">
        <v>1</v>
      </c>
    </row>
    <row r="90" spans="1:14" ht="23.1" customHeight="1" x14ac:dyDescent="0.2">
      <c r="A90" s="28">
        <v>599</v>
      </c>
      <c r="B90" s="29" t="s">
        <v>95</v>
      </c>
      <c r="C90" s="19">
        <v>679</v>
      </c>
      <c r="D90" s="20">
        <v>709</v>
      </c>
      <c r="E90" s="20">
        <v>1388</v>
      </c>
      <c r="F90" s="21">
        <v>509</v>
      </c>
      <c r="G90" s="22">
        <v>678</v>
      </c>
      <c r="H90" s="23">
        <v>711</v>
      </c>
      <c r="I90" s="23">
        <v>1389</v>
      </c>
      <c r="J90" s="24">
        <v>509</v>
      </c>
      <c r="K90" s="25">
        <v>-1</v>
      </c>
      <c r="L90" s="26">
        <v>2</v>
      </c>
      <c r="M90" s="26">
        <v>1</v>
      </c>
      <c r="N90" s="27">
        <v>0</v>
      </c>
    </row>
    <row r="91" spans="1:14" ht="23.1" customHeight="1" x14ac:dyDescent="0.2">
      <c r="A91" s="28">
        <v>601</v>
      </c>
      <c r="B91" s="29" t="s">
        <v>96</v>
      </c>
      <c r="C91" s="19">
        <v>465</v>
      </c>
      <c r="D91" s="20">
        <v>490</v>
      </c>
      <c r="E91" s="20">
        <v>955</v>
      </c>
      <c r="F91" s="21">
        <v>384</v>
      </c>
      <c r="G91" s="22">
        <v>469</v>
      </c>
      <c r="H91" s="23">
        <v>489</v>
      </c>
      <c r="I91" s="23">
        <v>958</v>
      </c>
      <c r="J91" s="24">
        <v>389</v>
      </c>
      <c r="K91" s="25">
        <v>4</v>
      </c>
      <c r="L91" s="26">
        <v>-1</v>
      </c>
      <c r="M91" s="26">
        <v>3</v>
      </c>
      <c r="N91" s="27">
        <v>5</v>
      </c>
    </row>
    <row r="92" spans="1:14" ht="23.1" customHeight="1" x14ac:dyDescent="0.2">
      <c r="A92" s="28">
        <v>602</v>
      </c>
      <c r="B92" s="29" t="s">
        <v>97</v>
      </c>
      <c r="C92" s="19">
        <v>128</v>
      </c>
      <c r="D92" s="20">
        <v>153</v>
      </c>
      <c r="E92" s="20">
        <v>281</v>
      </c>
      <c r="F92" s="21">
        <v>122</v>
      </c>
      <c r="G92" s="22">
        <v>128</v>
      </c>
      <c r="H92" s="23">
        <v>152</v>
      </c>
      <c r="I92" s="23">
        <v>280</v>
      </c>
      <c r="J92" s="24">
        <v>122</v>
      </c>
      <c r="K92" s="25">
        <v>0</v>
      </c>
      <c r="L92" s="26">
        <v>-1</v>
      </c>
      <c r="M92" s="26">
        <v>-1</v>
      </c>
      <c r="N92" s="27">
        <v>0</v>
      </c>
    </row>
    <row r="93" spans="1:14" ht="23.1" customHeight="1" x14ac:dyDescent="0.2">
      <c r="A93" s="30">
        <v>699</v>
      </c>
      <c r="B93" s="31" t="s">
        <v>98</v>
      </c>
      <c r="C93" s="32">
        <v>593</v>
      </c>
      <c r="D93" s="33">
        <v>643</v>
      </c>
      <c r="E93" s="33">
        <v>1236</v>
      </c>
      <c r="F93" s="34">
        <v>506</v>
      </c>
      <c r="G93" s="35">
        <v>597</v>
      </c>
      <c r="H93" s="36">
        <v>641</v>
      </c>
      <c r="I93" s="36">
        <v>1238</v>
      </c>
      <c r="J93" s="37">
        <v>511</v>
      </c>
      <c r="K93" s="38">
        <v>4</v>
      </c>
      <c r="L93" s="39">
        <v>-2</v>
      </c>
      <c r="M93" s="39">
        <v>2</v>
      </c>
      <c r="N93" s="40">
        <v>5</v>
      </c>
    </row>
    <row r="94" spans="1:14" ht="23.1" customHeight="1" x14ac:dyDescent="0.2">
      <c r="A94" s="41"/>
      <c r="B94" s="42" t="s">
        <v>99</v>
      </c>
      <c r="C94" s="43">
        <v>202307</v>
      </c>
      <c r="D94" s="44">
        <v>213028</v>
      </c>
      <c r="E94" s="44">
        <v>415335</v>
      </c>
      <c r="F94" s="45">
        <v>180096</v>
      </c>
      <c r="G94" s="46">
        <v>201988</v>
      </c>
      <c r="H94" s="47">
        <v>212671</v>
      </c>
      <c r="I94" s="47">
        <v>414659</v>
      </c>
      <c r="J94" s="48">
        <v>180388</v>
      </c>
      <c r="K94" s="49">
        <v>-319</v>
      </c>
      <c r="L94" s="50">
        <v>-357</v>
      </c>
      <c r="M94" s="50">
        <v>-676</v>
      </c>
      <c r="N94" s="51">
        <v>292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4-02T06:23:58Z</dcterms:created>
  <dcterms:modified xsi:type="dcterms:W3CDTF">2020-04-02T07:15:15Z</dcterms:modified>
</cp:coreProperties>
</file>